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5　基幹統計\04工業統計調査\H30\★公表関係\05　加工\HP\"/>
    </mc:Choice>
  </mc:AlternateContent>
  <bookViews>
    <workbookView xWindow="120" yWindow="60" windowWidth="14952" windowHeight="8436"/>
  </bookViews>
  <sheets>
    <sheet name="Ⅳ－１ " sheetId="3" r:id="rId1"/>
  </sheets>
  <calcPr calcId="152511"/>
</workbook>
</file>

<file path=xl/sharedStrings.xml><?xml version="1.0" encoding="utf-8"?>
<sst xmlns="http://schemas.openxmlformats.org/spreadsheetml/2006/main" count="166" uniqueCount="35">
  <si>
    <t>総数</t>
  </si>
  <si>
    <t>食料品製造業</t>
  </si>
  <si>
    <t>繊維工業</t>
  </si>
  <si>
    <t>木材・木製品製造業</t>
  </si>
  <si>
    <t>家具・装備品製造業</t>
  </si>
  <si>
    <t>パルプ・紙・紙加工品製造業</t>
  </si>
  <si>
    <t>印刷・同関連産業</t>
  </si>
  <si>
    <t>化学工業</t>
  </si>
  <si>
    <t>石油製品・石炭製品製造業</t>
  </si>
  <si>
    <t>プラスチック製品製造業</t>
  </si>
  <si>
    <t>ゴム製品製造業</t>
  </si>
  <si>
    <t>窯業・土石製品製造業</t>
  </si>
  <si>
    <t>鉄鋼業</t>
  </si>
  <si>
    <t>非鉄金属製造業</t>
  </si>
  <si>
    <t>金属製品製造業</t>
  </si>
  <si>
    <t>電気機械器具製造業</t>
  </si>
  <si>
    <t>情報通信機械器具製造業</t>
  </si>
  <si>
    <t>輸送用機械器具製造業</t>
  </si>
  <si>
    <t>その他の製造業</t>
  </si>
  <si>
    <t>産 業 中 分 類</t>
    <rPh sb="0" eb="1">
      <t>サン</t>
    </rPh>
    <rPh sb="2" eb="3">
      <t>ギョウ</t>
    </rPh>
    <rPh sb="4" eb="5">
      <t>チュウ</t>
    </rPh>
    <rPh sb="6" eb="7">
      <t>ブン</t>
    </rPh>
    <rPh sb="8" eb="9">
      <t>タグイ</t>
    </rPh>
    <phoneticPr fontId="1"/>
  </si>
  <si>
    <t>従業者４人以上の事業所</t>
    <rPh sb="0" eb="3">
      <t>ジュウギョウシャ</t>
    </rPh>
    <rPh sb="4" eb="7">
      <t>ニンイジョウ</t>
    </rPh>
    <rPh sb="8" eb="11">
      <t>ジギョウショ</t>
    </rPh>
    <phoneticPr fontId="1"/>
  </si>
  <si>
    <t>従業者４～２９人の事業所</t>
    <rPh sb="0" eb="3">
      <t>ジュウギョウシャ</t>
    </rPh>
    <rPh sb="7" eb="8">
      <t>ニン</t>
    </rPh>
    <rPh sb="9" eb="11">
      <t>ジギョウ</t>
    </rPh>
    <rPh sb="11" eb="12">
      <t>ショ</t>
    </rPh>
    <phoneticPr fontId="1"/>
  </si>
  <si>
    <t>従業者３０人以上の事業所</t>
    <rPh sb="0" eb="3">
      <t>ジュウギョウシャ</t>
    </rPh>
    <rPh sb="5" eb="6">
      <t>ニン</t>
    </rPh>
    <rPh sb="6" eb="8">
      <t>イジョウ</t>
    </rPh>
    <rPh sb="9" eb="12">
      <t>ジギョウショ</t>
    </rPh>
    <phoneticPr fontId="1"/>
  </si>
  <si>
    <t>計</t>
    <rPh sb="0" eb="1">
      <t>ケイ</t>
    </rPh>
    <phoneticPr fontId="1"/>
  </si>
  <si>
    <t>飲料・たばこ・飼料製造業</t>
    <rPh sb="7" eb="9">
      <t>シリョウ</t>
    </rPh>
    <phoneticPr fontId="1"/>
  </si>
  <si>
    <t>はん用機械器具製造業</t>
    <rPh sb="2" eb="3">
      <t>ヨウ</t>
    </rPh>
    <rPh sb="3" eb="5">
      <t>キカイ</t>
    </rPh>
    <rPh sb="5" eb="7">
      <t>キグ</t>
    </rPh>
    <phoneticPr fontId="1"/>
  </si>
  <si>
    <t>生産用機械器具製造業</t>
    <rPh sb="0" eb="2">
      <t>セイサン</t>
    </rPh>
    <rPh sb="2" eb="3">
      <t>ヨウ</t>
    </rPh>
    <rPh sb="3" eb="5">
      <t>キカイ</t>
    </rPh>
    <rPh sb="5" eb="7">
      <t>キグ</t>
    </rPh>
    <phoneticPr fontId="1"/>
  </si>
  <si>
    <t>業務用機械器具製造業</t>
    <rPh sb="0" eb="2">
      <t>ギョウム</t>
    </rPh>
    <rPh sb="2" eb="3">
      <t>ヨウ</t>
    </rPh>
    <rPh sb="3" eb="5">
      <t>キカイ</t>
    </rPh>
    <rPh sb="5" eb="7">
      <t>キグ</t>
    </rPh>
    <phoneticPr fontId="1"/>
  </si>
  <si>
    <t>電子部品デバイス・電子回路製造業</t>
    <rPh sb="9" eb="11">
      <t>デンシ</t>
    </rPh>
    <rPh sb="11" eb="13">
      <t>カイロ</t>
    </rPh>
    <phoneticPr fontId="1"/>
  </si>
  <si>
    <t>なめし革・同製品・毛皮製造業</t>
    <phoneticPr fontId="1"/>
  </si>
  <si>
    <t>-</t>
  </si>
  <si>
    <t>産業中分類別事業所数</t>
    <rPh sb="0" eb="2">
      <t>サンギョウ</t>
    </rPh>
    <rPh sb="2" eb="3">
      <t>ナカ</t>
    </rPh>
    <rPh sb="3" eb="5">
      <t>ブンルイ</t>
    </rPh>
    <rPh sb="5" eb="6">
      <t>ベツ</t>
    </rPh>
    <rPh sb="6" eb="9">
      <t>ジギョウショ</t>
    </rPh>
    <rPh sb="9" eb="10">
      <t>スウ</t>
    </rPh>
    <phoneticPr fontId="1"/>
  </si>
  <si>
    <t>会社</t>
  </si>
  <si>
    <t>組合・その他の法人</t>
  </si>
  <si>
    <t>個人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;&quot;△&quot;#,##0;#&quot;-&quot;"/>
    <numFmt numFmtId="177" formatCode="#,##0;&quot;△&quot;#,##0;&quot;-&quot;"/>
  </numFmts>
  <fonts count="9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2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double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uble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 style="double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double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double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59">
    <xf numFmtId="0" fontId="0" fillId="0" borderId="0" xfId="0"/>
    <xf numFmtId="0" fontId="2" fillId="0" borderId="0" xfId="0" applyNumberFormat="1" applyFont="1" applyAlignment="1">
      <alignment vertical="center"/>
    </xf>
    <xf numFmtId="0" fontId="3" fillId="0" borderId="0" xfId="0" applyNumberFormat="1" applyFont="1" applyAlignment="1">
      <alignment vertical="center"/>
    </xf>
    <xf numFmtId="177" fontId="3" fillId="0" borderId="0" xfId="0" applyNumberFormat="1" applyFont="1" applyFill="1" applyAlignment="1">
      <alignment vertical="center"/>
    </xf>
    <xf numFmtId="177" fontId="2" fillId="0" borderId="0" xfId="0" applyNumberFormat="1" applyFont="1" applyAlignment="1">
      <alignment vertical="center"/>
    </xf>
    <xf numFmtId="176" fontId="4" fillId="0" borderId="0" xfId="0" applyNumberFormat="1" applyFont="1" applyAlignment="1">
      <alignment vertical="center"/>
    </xf>
    <xf numFmtId="176" fontId="5" fillId="0" borderId="0" xfId="0" applyNumberFormat="1" applyFont="1" applyBorder="1" applyAlignment="1">
      <alignment vertical="center"/>
    </xf>
    <xf numFmtId="177" fontId="5" fillId="0" borderId="0" xfId="0" applyNumberFormat="1" applyFont="1" applyFill="1" applyBorder="1" applyAlignment="1">
      <alignment vertical="center"/>
    </xf>
    <xf numFmtId="177" fontId="5" fillId="0" borderId="0" xfId="0" applyNumberFormat="1" applyFont="1" applyBorder="1" applyAlignment="1">
      <alignment vertical="center"/>
    </xf>
    <xf numFmtId="176" fontId="5" fillId="0" borderId="1" xfId="0" applyNumberFormat="1" applyFont="1" applyBorder="1" applyAlignment="1">
      <alignment horizontal="center" vertical="center"/>
    </xf>
    <xf numFmtId="177" fontId="3" fillId="0" borderId="2" xfId="0" applyNumberFormat="1" applyFont="1" applyFill="1" applyBorder="1" applyAlignment="1">
      <alignment horizontal="distributed" vertical="center"/>
    </xf>
    <xf numFmtId="176" fontId="3" fillId="0" borderId="3" xfId="0" applyNumberFormat="1" applyFont="1" applyBorder="1" applyAlignment="1" applyProtection="1">
      <alignment horizontal="right" vertical="center"/>
    </xf>
    <xf numFmtId="177" fontId="3" fillId="0" borderId="4" xfId="0" applyNumberFormat="1" applyFont="1" applyFill="1" applyBorder="1" applyAlignment="1" applyProtection="1">
      <alignment horizontal="right" vertical="center"/>
    </xf>
    <xf numFmtId="177" fontId="3" fillId="0" borderId="4" xfId="0" applyNumberFormat="1" applyFont="1" applyBorder="1" applyAlignment="1" applyProtection="1">
      <alignment horizontal="right" vertical="center"/>
    </xf>
    <xf numFmtId="0" fontId="5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5" fillId="0" borderId="5" xfId="0" applyNumberFormat="1" applyFont="1" applyBorder="1" applyAlignment="1">
      <alignment horizontal="right" vertical="center"/>
    </xf>
    <xf numFmtId="177" fontId="5" fillId="0" borderId="6" xfId="0" applyNumberFormat="1" applyFont="1" applyFill="1" applyBorder="1" applyAlignment="1">
      <alignment horizontal="distributed" vertical="center"/>
    </xf>
    <xf numFmtId="176" fontId="5" fillId="0" borderId="0" xfId="0" applyNumberFormat="1" applyFont="1" applyAlignment="1">
      <alignment vertical="center"/>
    </xf>
    <xf numFmtId="177" fontId="5" fillId="0" borderId="0" xfId="0" applyNumberFormat="1" applyFont="1" applyFill="1" applyAlignment="1">
      <alignment vertical="center"/>
    </xf>
    <xf numFmtId="177" fontId="5" fillId="0" borderId="0" xfId="0" applyNumberFormat="1" applyFont="1" applyAlignment="1">
      <alignment vertical="center"/>
    </xf>
    <xf numFmtId="177" fontId="5" fillId="0" borderId="2" xfId="0" applyNumberFormat="1" applyFont="1" applyBorder="1" applyAlignment="1">
      <alignment horizontal="distributed" vertical="center"/>
    </xf>
    <xf numFmtId="177" fontId="6" fillId="0" borderId="2" xfId="0" applyNumberFormat="1" applyFont="1" applyBorder="1" applyAlignment="1">
      <alignment horizontal="distributed" vertical="center"/>
    </xf>
    <xf numFmtId="176" fontId="5" fillId="0" borderId="7" xfId="0" applyNumberFormat="1" applyFont="1" applyBorder="1" applyAlignment="1">
      <alignment horizontal="center" vertical="center"/>
    </xf>
    <xf numFmtId="176" fontId="5" fillId="0" borderId="8" xfId="0" applyNumberFormat="1" applyFont="1" applyBorder="1" applyAlignment="1">
      <alignment horizontal="center" vertical="center"/>
    </xf>
    <xf numFmtId="176" fontId="5" fillId="0" borderId="9" xfId="0" applyNumberFormat="1" applyFont="1" applyBorder="1" applyAlignment="1">
      <alignment horizontal="center" vertical="center"/>
    </xf>
    <xf numFmtId="176" fontId="3" fillId="0" borderId="4" xfId="0" applyNumberFormat="1" applyFont="1" applyBorder="1" applyAlignment="1" applyProtection="1">
      <alignment horizontal="right" vertical="center"/>
    </xf>
    <xf numFmtId="177" fontId="3" fillId="0" borderId="10" xfId="0" applyNumberFormat="1" applyFont="1" applyFill="1" applyBorder="1" applyAlignment="1" applyProtection="1">
      <alignment horizontal="right" vertical="center"/>
    </xf>
    <xf numFmtId="177" fontId="3" fillId="0" borderId="8" xfId="0" applyNumberFormat="1" applyFont="1" applyBorder="1" applyAlignment="1" applyProtection="1">
      <alignment horizontal="right" vertical="center"/>
    </xf>
    <xf numFmtId="176" fontId="5" fillId="0" borderId="11" xfId="0" applyNumberFormat="1" applyFont="1" applyBorder="1" applyAlignment="1">
      <alignment horizontal="center" vertical="center"/>
    </xf>
    <xf numFmtId="176" fontId="7" fillId="0" borderId="0" xfId="0" applyNumberFormat="1" applyFont="1" applyAlignment="1">
      <alignment vertical="center"/>
    </xf>
    <xf numFmtId="177" fontId="7" fillId="0" borderId="0" xfId="0" applyNumberFormat="1" applyFont="1" applyFill="1" applyAlignment="1">
      <alignment vertical="center"/>
    </xf>
    <xf numFmtId="177" fontId="7" fillId="0" borderId="0" xfId="0" applyNumberFormat="1" applyFont="1" applyAlignment="1">
      <alignment vertical="center"/>
    </xf>
    <xf numFmtId="176" fontId="7" fillId="0" borderId="0" xfId="0" applyNumberFormat="1" applyFont="1" applyBorder="1" applyAlignment="1">
      <alignment vertical="center"/>
    </xf>
    <xf numFmtId="176" fontId="8" fillId="0" borderId="0" xfId="0" applyNumberFormat="1" applyFont="1" applyAlignment="1" applyProtection="1">
      <alignment horizontal="right" vertical="center"/>
    </xf>
    <xf numFmtId="177" fontId="8" fillId="0" borderId="0" xfId="0" applyNumberFormat="1" applyFont="1" applyFill="1" applyBorder="1" applyAlignment="1" applyProtection="1">
      <alignment horizontal="right" vertical="center"/>
    </xf>
    <xf numFmtId="176" fontId="8" fillId="0" borderId="12" xfId="0" applyNumberFormat="1" applyFont="1" applyBorder="1" applyAlignment="1" applyProtection="1">
      <alignment horizontal="right" vertical="center"/>
    </xf>
    <xf numFmtId="177" fontId="8" fillId="0" borderId="2" xfId="0" applyNumberFormat="1" applyFont="1" applyFill="1" applyBorder="1" applyAlignment="1" applyProtection="1">
      <alignment horizontal="right" vertical="center"/>
    </xf>
    <xf numFmtId="177" fontId="8" fillId="0" borderId="13" xfId="0" applyNumberFormat="1" applyFont="1" applyBorder="1" applyAlignment="1" applyProtection="1">
      <alignment horizontal="right" vertical="center"/>
    </xf>
    <xf numFmtId="177" fontId="8" fillId="0" borderId="0" xfId="0" applyNumberFormat="1" applyFont="1" applyBorder="1" applyAlignment="1" applyProtection="1">
      <alignment horizontal="right" vertical="center"/>
    </xf>
    <xf numFmtId="176" fontId="8" fillId="0" borderId="5" xfId="0" applyNumberFormat="1" applyFont="1" applyBorder="1" applyAlignment="1" applyProtection="1">
      <alignment horizontal="right" vertical="center"/>
    </xf>
    <xf numFmtId="177" fontId="8" fillId="0" borderId="5" xfId="0" applyNumberFormat="1" applyFont="1" applyFill="1" applyBorder="1" applyAlignment="1" applyProtection="1">
      <alignment horizontal="right" vertical="center"/>
    </xf>
    <xf numFmtId="176" fontId="8" fillId="0" borderId="14" xfId="0" applyNumberFormat="1" applyFont="1" applyBorder="1" applyAlignment="1" applyProtection="1">
      <alignment horizontal="right" vertical="center"/>
    </xf>
    <xf numFmtId="177" fontId="8" fillId="0" borderId="6" xfId="0" applyNumberFormat="1" applyFont="1" applyFill="1" applyBorder="1" applyAlignment="1" applyProtection="1">
      <alignment horizontal="right" vertical="center"/>
    </xf>
    <xf numFmtId="177" fontId="8" fillId="0" borderId="15" xfId="0" applyNumberFormat="1" applyFont="1" applyBorder="1" applyAlignment="1" applyProtection="1">
      <alignment horizontal="right" vertical="center"/>
    </xf>
    <xf numFmtId="177" fontId="8" fillId="0" borderId="5" xfId="0" applyNumberFormat="1" applyFont="1" applyBorder="1" applyAlignment="1" applyProtection="1">
      <alignment horizontal="right" vertical="center"/>
    </xf>
    <xf numFmtId="176" fontId="5" fillId="0" borderId="1" xfId="0" applyNumberFormat="1" applyFont="1" applyBorder="1" applyAlignment="1">
      <alignment horizontal="center" vertical="center" wrapText="1"/>
    </xf>
    <xf numFmtId="176" fontId="5" fillId="0" borderId="10" xfId="0" applyNumberFormat="1" applyFont="1" applyBorder="1" applyAlignment="1">
      <alignment horizontal="center" vertical="center" wrapText="1"/>
    </xf>
    <xf numFmtId="176" fontId="5" fillId="0" borderId="7" xfId="0" applyNumberFormat="1" applyFont="1" applyBorder="1" applyAlignment="1">
      <alignment horizontal="center" vertical="center" wrapText="1"/>
    </xf>
    <xf numFmtId="176" fontId="5" fillId="0" borderId="16" xfId="0" applyNumberFormat="1" applyFont="1" applyBorder="1" applyAlignment="1">
      <alignment horizontal="center" vertical="center"/>
    </xf>
    <xf numFmtId="176" fontId="5" fillId="0" borderId="17" xfId="0" applyNumberFormat="1" applyFont="1" applyBorder="1" applyAlignment="1">
      <alignment horizontal="center" vertical="center"/>
    </xf>
    <xf numFmtId="176" fontId="5" fillId="0" borderId="18" xfId="0" applyNumberFormat="1" applyFont="1" applyBorder="1" applyAlignment="1">
      <alignment horizontal="center" vertical="center"/>
    </xf>
    <xf numFmtId="176" fontId="5" fillId="0" borderId="19" xfId="0" applyNumberFormat="1" applyFont="1" applyBorder="1" applyAlignment="1">
      <alignment horizontal="center" vertical="center"/>
    </xf>
    <xf numFmtId="176" fontId="5" fillId="0" borderId="20" xfId="0" applyNumberFormat="1" applyFont="1" applyBorder="1" applyAlignment="1">
      <alignment horizontal="center" vertical="center"/>
    </xf>
    <xf numFmtId="177" fontId="5" fillId="0" borderId="21" xfId="0" applyNumberFormat="1" applyFont="1" applyFill="1" applyBorder="1" applyAlignment="1">
      <alignment horizontal="center" vertical="center"/>
    </xf>
    <xf numFmtId="177" fontId="5" fillId="0" borderId="19" xfId="0" applyNumberFormat="1" applyFont="1" applyFill="1" applyBorder="1" applyAlignment="1">
      <alignment horizontal="center" vertical="center"/>
    </xf>
    <xf numFmtId="177" fontId="5" fillId="0" borderId="22" xfId="0" applyNumberFormat="1" applyFont="1" applyFill="1" applyBorder="1" applyAlignment="1">
      <alignment horizontal="center" vertical="center"/>
    </xf>
    <xf numFmtId="177" fontId="5" fillId="0" borderId="18" xfId="0" applyNumberFormat="1" applyFont="1" applyBorder="1" applyAlignment="1">
      <alignment horizontal="center" vertical="center"/>
    </xf>
    <xf numFmtId="177" fontId="5" fillId="0" borderId="19" xfId="0" applyNumberFormat="1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1"/>
  <sheetViews>
    <sheetView tabSelected="1" zoomScaleNormal="100" workbookViewId="0">
      <pane xSplit="2" ySplit="4" topLeftCell="C5" activePane="bottomRight" state="frozen"/>
      <selection pane="topRight" activeCell="C1" sqref="C1"/>
      <selection pane="bottomLeft" activeCell="A5" sqref="A5"/>
      <selection pane="bottomRight"/>
    </sheetView>
  </sheetViews>
  <sheetFormatPr defaultColWidth="9" defaultRowHeight="13.2"/>
  <cols>
    <col min="1" max="1" width="3.21875" style="30" customWidth="1"/>
    <col min="2" max="2" width="25.44140625" style="30" customWidth="1"/>
    <col min="3" max="6" width="10.6640625" style="30" customWidth="1"/>
    <col min="7" max="10" width="7.6640625" style="31" customWidth="1"/>
    <col min="11" max="14" width="7.6640625" style="32" customWidth="1"/>
    <col min="15" max="16384" width="9" style="30"/>
  </cols>
  <sheetData>
    <row r="1" spans="1:14" s="5" customFormat="1" ht="20.25" customHeight="1">
      <c r="A1" s="1" t="s">
        <v>31</v>
      </c>
      <c r="B1" s="2"/>
      <c r="C1" s="2"/>
      <c r="D1" s="2"/>
      <c r="E1" s="2"/>
      <c r="F1" s="2"/>
      <c r="G1" s="3"/>
      <c r="H1" s="3"/>
      <c r="I1" s="3"/>
      <c r="J1" s="3"/>
      <c r="K1" s="4"/>
      <c r="L1" s="4"/>
      <c r="M1" s="4"/>
      <c r="N1" s="4"/>
    </row>
    <row r="2" spans="1:14" ht="13.8" thickBot="1">
      <c r="A2" s="6"/>
      <c r="C2" s="6"/>
      <c r="D2" s="6"/>
      <c r="G2" s="7"/>
      <c r="H2" s="7"/>
      <c r="K2" s="8"/>
      <c r="L2" s="8"/>
    </row>
    <row r="3" spans="1:14">
      <c r="A3" s="49" t="s">
        <v>19</v>
      </c>
      <c r="B3" s="49"/>
      <c r="C3" s="51" t="s">
        <v>20</v>
      </c>
      <c r="D3" s="52"/>
      <c r="E3" s="52"/>
      <c r="F3" s="53"/>
      <c r="G3" s="54" t="s">
        <v>21</v>
      </c>
      <c r="H3" s="55"/>
      <c r="I3" s="55"/>
      <c r="J3" s="56"/>
      <c r="K3" s="57" t="s">
        <v>22</v>
      </c>
      <c r="L3" s="58"/>
      <c r="M3" s="58"/>
      <c r="N3" s="58"/>
    </row>
    <row r="4" spans="1:14" ht="36">
      <c r="A4" s="50"/>
      <c r="B4" s="50"/>
      <c r="C4" s="9" t="s">
        <v>32</v>
      </c>
      <c r="D4" s="46" t="s">
        <v>33</v>
      </c>
      <c r="E4" s="9" t="s">
        <v>34</v>
      </c>
      <c r="F4" s="29" t="s">
        <v>23</v>
      </c>
      <c r="G4" s="25" t="s">
        <v>32</v>
      </c>
      <c r="H4" s="47" t="s">
        <v>33</v>
      </c>
      <c r="I4" s="23" t="s">
        <v>34</v>
      </c>
      <c r="J4" s="23" t="s">
        <v>23</v>
      </c>
      <c r="K4" s="23" t="s">
        <v>32</v>
      </c>
      <c r="L4" s="48" t="s">
        <v>33</v>
      </c>
      <c r="M4" s="23" t="s">
        <v>34</v>
      </c>
      <c r="N4" s="24" t="s">
        <v>23</v>
      </c>
    </row>
    <row r="5" spans="1:14" s="33" customFormat="1">
      <c r="B5" s="10" t="s">
        <v>0</v>
      </c>
      <c r="C5" s="26">
        <v>762</v>
      </c>
      <c r="D5" s="26">
        <v>5</v>
      </c>
      <c r="E5" s="12">
        <v>31</v>
      </c>
      <c r="F5" s="11">
        <v>798</v>
      </c>
      <c r="G5" s="12">
        <v>489</v>
      </c>
      <c r="H5" s="12">
        <v>5</v>
      </c>
      <c r="I5" s="12">
        <v>31</v>
      </c>
      <c r="J5" s="27">
        <v>525</v>
      </c>
      <c r="K5" s="28">
        <v>273</v>
      </c>
      <c r="L5" s="13" t="s">
        <v>30</v>
      </c>
      <c r="M5" s="13" t="s">
        <v>30</v>
      </c>
      <c r="N5" s="13">
        <v>273</v>
      </c>
    </row>
    <row r="6" spans="1:14">
      <c r="A6" s="14">
        <v>9</v>
      </c>
      <c r="B6" s="21" t="s">
        <v>1</v>
      </c>
      <c r="C6" s="34">
        <v>83</v>
      </c>
      <c r="D6" s="34">
        <v>3</v>
      </c>
      <c r="E6" s="35">
        <v>10</v>
      </c>
      <c r="F6" s="36">
        <v>96</v>
      </c>
      <c r="G6" s="35">
        <v>56</v>
      </c>
      <c r="H6" s="35">
        <v>3</v>
      </c>
      <c r="I6" s="35">
        <v>10</v>
      </c>
      <c r="J6" s="37">
        <v>69</v>
      </c>
      <c r="K6" s="38">
        <v>27</v>
      </c>
      <c r="L6" s="39" t="s">
        <v>30</v>
      </c>
      <c r="M6" s="39" t="s">
        <v>30</v>
      </c>
      <c r="N6" s="39">
        <v>27</v>
      </c>
    </row>
    <row r="7" spans="1:14">
      <c r="A7" s="14">
        <v>10</v>
      </c>
      <c r="B7" s="21" t="s">
        <v>24</v>
      </c>
      <c r="C7" s="34">
        <v>13</v>
      </c>
      <c r="D7" s="34" t="s">
        <v>30</v>
      </c>
      <c r="E7" s="35" t="s">
        <v>30</v>
      </c>
      <c r="F7" s="36">
        <v>13</v>
      </c>
      <c r="G7" s="35">
        <v>11</v>
      </c>
      <c r="H7" s="35" t="s">
        <v>30</v>
      </c>
      <c r="I7" s="35" t="s">
        <v>30</v>
      </c>
      <c r="J7" s="37">
        <v>11</v>
      </c>
      <c r="K7" s="38">
        <v>2</v>
      </c>
      <c r="L7" s="39" t="s">
        <v>30</v>
      </c>
      <c r="M7" s="39" t="s">
        <v>30</v>
      </c>
      <c r="N7" s="39">
        <v>2</v>
      </c>
    </row>
    <row r="8" spans="1:14">
      <c r="A8" s="14">
        <v>11</v>
      </c>
      <c r="B8" s="21" t="s">
        <v>2</v>
      </c>
      <c r="C8" s="34">
        <v>15</v>
      </c>
      <c r="D8" s="34" t="s">
        <v>30</v>
      </c>
      <c r="E8" s="35" t="s">
        <v>30</v>
      </c>
      <c r="F8" s="36">
        <v>15</v>
      </c>
      <c r="G8" s="35">
        <v>11</v>
      </c>
      <c r="H8" s="35" t="s">
        <v>30</v>
      </c>
      <c r="I8" s="35" t="s">
        <v>30</v>
      </c>
      <c r="J8" s="37">
        <v>11</v>
      </c>
      <c r="K8" s="38">
        <v>4</v>
      </c>
      <c r="L8" s="39" t="s">
        <v>30</v>
      </c>
      <c r="M8" s="39" t="s">
        <v>30</v>
      </c>
      <c r="N8" s="39">
        <v>4</v>
      </c>
    </row>
    <row r="9" spans="1:14">
      <c r="A9" s="14">
        <v>12</v>
      </c>
      <c r="B9" s="21" t="s">
        <v>3</v>
      </c>
      <c r="C9" s="34">
        <v>17</v>
      </c>
      <c r="D9" s="34">
        <v>1</v>
      </c>
      <c r="E9" s="35">
        <v>1</v>
      </c>
      <c r="F9" s="36">
        <v>19</v>
      </c>
      <c r="G9" s="35">
        <v>14</v>
      </c>
      <c r="H9" s="35">
        <v>1</v>
      </c>
      <c r="I9" s="35">
        <v>1</v>
      </c>
      <c r="J9" s="37">
        <v>16</v>
      </c>
      <c r="K9" s="38">
        <v>3</v>
      </c>
      <c r="L9" s="39" t="s">
        <v>30</v>
      </c>
      <c r="M9" s="39" t="s">
        <v>30</v>
      </c>
      <c r="N9" s="39">
        <v>3</v>
      </c>
    </row>
    <row r="10" spans="1:14">
      <c r="A10" s="14">
        <v>13</v>
      </c>
      <c r="B10" s="21" t="s">
        <v>4</v>
      </c>
      <c r="C10" s="34">
        <v>17</v>
      </c>
      <c r="D10" s="34" t="s">
        <v>30</v>
      </c>
      <c r="E10" s="35">
        <v>2</v>
      </c>
      <c r="F10" s="36">
        <v>19</v>
      </c>
      <c r="G10" s="35">
        <v>14</v>
      </c>
      <c r="H10" s="35" t="s">
        <v>30</v>
      </c>
      <c r="I10" s="35">
        <v>2</v>
      </c>
      <c r="J10" s="37">
        <v>16</v>
      </c>
      <c r="K10" s="38">
        <v>3</v>
      </c>
      <c r="L10" s="39" t="s">
        <v>30</v>
      </c>
      <c r="M10" s="39" t="s">
        <v>30</v>
      </c>
      <c r="N10" s="39">
        <v>3</v>
      </c>
    </row>
    <row r="11" spans="1:14">
      <c r="A11" s="14">
        <v>14</v>
      </c>
      <c r="B11" s="21" t="s">
        <v>5</v>
      </c>
      <c r="C11" s="34">
        <v>18</v>
      </c>
      <c r="D11" s="34" t="s">
        <v>30</v>
      </c>
      <c r="E11" s="35">
        <v>1</v>
      </c>
      <c r="F11" s="36">
        <v>19</v>
      </c>
      <c r="G11" s="35">
        <v>7</v>
      </c>
      <c r="H11" s="35" t="s">
        <v>30</v>
      </c>
      <c r="I11" s="35">
        <v>1</v>
      </c>
      <c r="J11" s="37">
        <v>8</v>
      </c>
      <c r="K11" s="38">
        <v>11</v>
      </c>
      <c r="L11" s="39" t="s">
        <v>30</v>
      </c>
      <c r="M11" s="39" t="s">
        <v>30</v>
      </c>
      <c r="N11" s="39">
        <v>11</v>
      </c>
    </row>
    <row r="12" spans="1:14">
      <c r="A12" s="14">
        <v>15</v>
      </c>
      <c r="B12" s="21" t="s">
        <v>6</v>
      </c>
      <c r="C12" s="34">
        <v>51</v>
      </c>
      <c r="D12" s="34" t="s">
        <v>30</v>
      </c>
      <c r="E12" s="35">
        <v>7</v>
      </c>
      <c r="F12" s="36">
        <v>58</v>
      </c>
      <c r="G12" s="35">
        <v>35</v>
      </c>
      <c r="H12" s="35" t="s">
        <v>30</v>
      </c>
      <c r="I12" s="35">
        <v>7</v>
      </c>
      <c r="J12" s="37">
        <v>42</v>
      </c>
      <c r="K12" s="38">
        <v>16</v>
      </c>
      <c r="L12" s="39" t="s">
        <v>30</v>
      </c>
      <c r="M12" s="39" t="s">
        <v>30</v>
      </c>
      <c r="N12" s="39">
        <v>16</v>
      </c>
    </row>
    <row r="13" spans="1:14">
      <c r="A13" s="14">
        <v>16</v>
      </c>
      <c r="B13" s="21" t="s">
        <v>7</v>
      </c>
      <c r="C13" s="34">
        <v>63</v>
      </c>
      <c r="D13" s="34" t="s">
        <v>30</v>
      </c>
      <c r="E13" s="35" t="s">
        <v>30</v>
      </c>
      <c r="F13" s="36">
        <v>63</v>
      </c>
      <c r="G13" s="35">
        <v>18</v>
      </c>
      <c r="H13" s="35" t="s">
        <v>30</v>
      </c>
      <c r="I13" s="35" t="s">
        <v>30</v>
      </c>
      <c r="J13" s="37">
        <v>18</v>
      </c>
      <c r="K13" s="38">
        <v>45</v>
      </c>
      <c r="L13" s="39" t="s">
        <v>30</v>
      </c>
      <c r="M13" s="39" t="s">
        <v>30</v>
      </c>
      <c r="N13" s="39">
        <v>45</v>
      </c>
    </row>
    <row r="14" spans="1:14">
      <c r="A14" s="14">
        <v>17</v>
      </c>
      <c r="B14" s="21" t="s">
        <v>8</v>
      </c>
      <c r="C14" s="34">
        <v>3</v>
      </c>
      <c r="D14" s="34">
        <v>1</v>
      </c>
      <c r="E14" s="35" t="s">
        <v>30</v>
      </c>
      <c r="F14" s="36">
        <v>4</v>
      </c>
      <c r="G14" s="35">
        <v>3</v>
      </c>
      <c r="H14" s="35">
        <v>1</v>
      </c>
      <c r="I14" s="35" t="s">
        <v>30</v>
      </c>
      <c r="J14" s="37">
        <v>4</v>
      </c>
      <c r="K14" s="38" t="s">
        <v>30</v>
      </c>
      <c r="L14" s="39" t="s">
        <v>30</v>
      </c>
      <c r="M14" s="39" t="s">
        <v>30</v>
      </c>
      <c r="N14" s="39" t="s">
        <v>30</v>
      </c>
    </row>
    <row r="15" spans="1:14">
      <c r="A15" s="14">
        <v>18</v>
      </c>
      <c r="B15" s="21" t="s">
        <v>9</v>
      </c>
      <c r="C15" s="34">
        <v>48</v>
      </c>
      <c r="D15" s="34" t="s">
        <v>30</v>
      </c>
      <c r="E15" s="35">
        <v>2</v>
      </c>
      <c r="F15" s="36">
        <v>50</v>
      </c>
      <c r="G15" s="35">
        <v>33</v>
      </c>
      <c r="H15" s="35" t="s">
        <v>30</v>
      </c>
      <c r="I15" s="35">
        <v>2</v>
      </c>
      <c r="J15" s="37">
        <v>35</v>
      </c>
      <c r="K15" s="38">
        <v>15</v>
      </c>
      <c r="L15" s="39" t="s">
        <v>30</v>
      </c>
      <c r="M15" s="39" t="s">
        <v>30</v>
      </c>
      <c r="N15" s="39">
        <v>15</v>
      </c>
    </row>
    <row r="16" spans="1:14">
      <c r="A16" s="14">
        <v>19</v>
      </c>
      <c r="B16" s="21" t="s">
        <v>10</v>
      </c>
      <c r="C16" s="34">
        <v>1</v>
      </c>
      <c r="D16" s="34" t="s">
        <v>30</v>
      </c>
      <c r="E16" s="35">
        <v>1</v>
      </c>
      <c r="F16" s="36">
        <v>2</v>
      </c>
      <c r="G16" s="35">
        <v>1</v>
      </c>
      <c r="H16" s="35" t="s">
        <v>30</v>
      </c>
      <c r="I16" s="35">
        <v>1</v>
      </c>
      <c r="J16" s="37">
        <v>2</v>
      </c>
      <c r="K16" s="38" t="s">
        <v>30</v>
      </c>
      <c r="L16" s="39" t="s">
        <v>30</v>
      </c>
      <c r="M16" s="39" t="s">
        <v>30</v>
      </c>
      <c r="N16" s="39" t="s">
        <v>30</v>
      </c>
    </row>
    <row r="17" spans="1:14">
      <c r="A17" s="14">
        <v>20</v>
      </c>
      <c r="B17" s="21" t="s">
        <v>29</v>
      </c>
      <c r="C17" s="34">
        <v>2</v>
      </c>
      <c r="D17" s="34" t="s">
        <v>30</v>
      </c>
      <c r="E17" s="35" t="s">
        <v>30</v>
      </c>
      <c r="F17" s="36">
        <v>2</v>
      </c>
      <c r="G17" s="35" t="s">
        <v>30</v>
      </c>
      <c r="H17" s="35" t="s">
        <v>30</v>
      </c>
      <c r="I17" s="35" t="s">
        <v>30</v>
      </c>
      <c r="J17" s="37" t="s">
        <v>30</v>
      </c>
      <c r="K17" s="38">
        <v>2</v>
      </c>
      <c r="L17" s="39" t="s">
        <v>30</v>
      </c>
      <c r="M17" s="39" t="s">
        <v>30</v>
      </c>
      <c r="N17" s="39">
        <v>2</v>
      </c>
    </row>
    <row r="18" spans="1:14">
      <c r="A18" s="14">
        <v>21</v>
      </c>
      <c r="B18" s="21" t="s">
        <v>11</v>
      </c>
      <c r="C18" s="34">
        <v>46</v>
      </c>
      <c r="D18" s="34" t="s">
        <v>30</v>
      </c>
      <c r="E18" s="35" t="s">
        <v>30</v>
      </c>
      <c r="F18" s="36">
        <v>46</v>
      </c>
      <c r="G18" s="35">
        <v>35</v>
      </c>
      <c r="H18" s="35" t="s">
        <v>30</v>
      </c>
      <c r="I18" s="35" t="s">
        <v>30</v>
      </c>
      <c r="J18" s="37">
        <v>35</v>
      </c>
      <c r="K18" s="38">
        <v>11</v>
      </c>
      <c r="L18" s="39" t="s">
        <v>30</v>
      </c>
      <c r="M18" s="39" t="s">
        <v>30</v>
      </c>
      <c r="N18" s="39">
        <v>11</v>
      </c>
    </row>
    <row r="19" spans="1:14">
      <c r="A19" s="14">
        <v>22</v>
      </c>
      <c r="B19" s="21" t="s">
        <v>12</v>
      </c>
      <c r="C19" s="34">
        <v>15</v>
      </c>
      <c r="D19" s="34" t="s">
        <v>30</v>
      </c>
      <c r="E19" s="35" t="s">
        <v>30</v>
      </c>
      <c r="F19" s="36">
        <v>15</v>
      </c>
      <c r="G19" s="35">
        <v>11</v>
      </c>
      <c r="H19" s="35" t="s">
        <v>30</v>
      </c>
      <c r="I19" s="35" t="s">
        <v>30</v>
      </c>
      <c r="J19" s="37">
        <v>11</v>
      </c>
      <c r="K19" s="38">
        <v>4</v>
      </c>
      <c r="L19" s="39" t="s">
        <v>30</v>
      </c>
      <c r="M19" s="39" t="s">
        <v>30</v>
      </c>
      <c r="N19" s="39">
        <v>4</v>
      </c>
    </row>
    <row r="20" spans="1:14">
      <c r="A20" s="14">
        <v>23</v>
      </c>
      <c r="B20" s="21" t="s">
        <v>13</v>
      </c>
      <c r="C20" s="34">
        <v>4</v>
      </c>
      <c r="D20" s="34" t="s">
        <v>30</v>
      </c>
      <c r="E20" s="35" t="s">
        <v>30</v>
      </c>
      <c r="F20" s="36">
        <v>4</v>
      </c>
      <c r="G20" s="35">
        <v>2</v>
      </c>
      <c r="H20" s="35" t="s">
        <v>30</v>
      </c>
      <c r="I20" s="35" t="s">
        <v>30</v>
      </c>
      <c r="J20" s="37">
        <v>2</v>
      </c>
      <c r="K20" s="38">
        <v>2</v>
      </c>
      <c r="L20" s="39" t="s">
        <v>30</v>
      </c>
      <c r="M20" s="39" t="s">
        <v>30</v>
      </c>
      <c r="N20" s="39">
        <v>2</v>
      </c>
    </row>
    <row r="21" spans="1:14">
      <c r="A21" s="14">
        <v>24</v>
      </c>
      <c r="B21" s="21" t="s">
        <v>14</v>
      </c>
      <c r="C21" s="34">
        <v>101</v>
      </c>
      <c r="D21" s="34" t="s">
        <v>30</v>
      </c>
      <c r="E21" s="35">
        <v>2</v>
      </c>
      <c r="F21" s="36">
        <v>103</v>
      </c>
      <c r="G21" s="35">
        <v>77</v>
      </c>
      <c r="H21" s="35" t="s">
        <v>30</v>
      </c>
      <c r="I21" s="35">
        <v>2</v>
      </c>
      <c r="J21" s="37">
        <v>79</v>
      </c>
      <c r="K21" s="38">
        <v>24</v>
      </c>
      <c r="L21" s="39" t="s">
        <v>30</v>
      </c>
      <c r="M21" s="39" t="s">
        <v>30</v>
      </c>
      <c r="N21" s="39">
        <v>24</v>
      </c>
    </row>
    <row r="22" spans="1:14">
      <c r="A22" s="14">
        <v>25</v>
      </c>
      <c r="B22" s="21" t="s">
        <v>25</v>
      </c>
      <c r="C22" s="34">
        <v>42</v>
      </c>
      <c r="D22" s="34" t="s">
        <v>30</v>
      </c>
      <c r="E22" s="35" t="s">
        <v>30</v>
      </c>
      <c r="F22" s="36">
        <v>42</v>
      </c>
      <c r="G22" s="35">
        <v>30</v>
      </c>
      <c r="H22" s="35" t="s">
        <v>30</v>
      </c>
      <c r="I22" s="35" t="s">
        <v>30</v>
      </c>
      <c r="J22" s="37">
        <v>30</v>
      </c>
      <c r="K22" s="38">
        <v>12</v>
      </c>
      <c r="L22" s="39" t="s">
        <v>30</v>
      </c>
      <c r="M22" s="39" t="s">
        <v>30</v>
      </c>
      <c r="N22" s="39">
        <v>12</v>
      </c>
    </row>
    <row r="23" spans="1:14">
      <c r="A23" s="14">
        <v>26</v>
      </c>
      <c r="B23" s="21" t="s">
        <v>26</v>
      </c>
      <c r="C23" s="34">
        <v>105</v>
      </c>
      <c r="D23" s="34" t="s">
        <v>30</v>
      </c>
      <c r="E23" s="35">
        <v>3</v>
      </c>
      <c r="F23" s="36">
        <v>108</v>
      </c>
      <c r="G23" s="35">
        <v>65</v>
      </c>
      <c r="H23" s="35" t="s">
        <v>30</v>
      </c>
      <c r="I23" s="35">
        <v>3</v>
      </c>
      <c r="J23" s="37">
        <v>68</v>
      </c>
      <c r="K23" s="38">
        <v>40</v>
      </c>
      <c r="L23" s="39" t="s">
        <v>30</v>
      </c>
      <c r="M23" s="39" t="s">
        <v>30</v>
      </c>
      <c r="N23" s="39">
        <v>40</v>
      </c>
    </row>
    <row r="24" spans="1:14">
      <c r="A24" s="14">
        <v>27</v>
      </c>
      <c r="B24" s="21" t="s">
        <v>27</v>
      </c>
      <c r="C24" s="34">
        <v>5</v>
      </c>
      <c r="D24" s="34" t="s">
        <v>30</v>
      </c>
      <c r="E24" s="35" t="s">
        <v>30</v>
      </c>
      <c r="F24" s="36">
        <v>5</v>
      </c>
      <c r="G24" s="35">
        <v>4</v>
      </c>
      <c r="H24" s="35" t="s">
        <v>30</v>
      </c>
      <c r="I24" s="35" t="s">
        <v>30</v>
      </c>
      <c r="J24" s="37">
        <v>4</v>
      </c>
      <c r="K24" s="38">
        <v>1</v>
      </c>
      <c r="L24" s="39" t="s">
        <v>30</v>
      </c>
      <c r="M24" s="39" t="s">
        <v>30</v>
      </c>
      <c r="N24" s="39">
        <v>1</v>
      </c>
    </row>
    <row r="25" spans="1:14" s="15" customFormat="1">
      <c r="A25" s="14">
        <v>28</v>
      </c>
      <c r="B25" s="22" t="s">
        <v>28</v>
      </c>
      <c r="C25" s="34">
        <v>39</v>
      </c>
      <c r="D25" s="34" t="s">
        <v>30</v>
      </c>
      <c r="E25" s="35" t="s">
        <v>30</v>
      </c>
      <c r="F25" s="36">
        <v>39</v>
      </c>
      <c r="G25" s="35">
        <v>14</v>
      </c>
      <c r="H25" s="35" t="s">
        <v>30</v>
      </c>
      <c r="I25" s="35" t="s">
        <v>30</v>
      </c>
      <c r="J25" s="37">
        <v>14</v>
      </c>
      <c r="K25" s="38">
        <v>25</v>
      </c>
      <c r="L25" s="39" t="s">
        <v>30</v>
      </c>
      <c r="M25" s="39" t="s">
        <v>30</v>
      </c>
      <c r="N25" s="39">
        <v>25</v>
      </c>
    </row>
    <row r="26" spans="1:14">
      <c r="A26" s="14">
        <v>29</v>
      </c>
      <c r="B26" s="21" t="s">
        <v>15</v>
      </c>
      <c r="C26" s="34">
        <v>30</v>
      </c>
      <c r="D26" s="34" t="s">
        <v>30</v>
      </c>
      <c r="E26" s="35">
        <v>1</v>
      </c>
      <c r="F26" s="36">
        <v>31</v>
      </c>
      <c r="G26" s="35">
        <v>23</v>
      </c>
      <c r="H26" s="35" t="s">
        <v>30</v>
      </c>
      <c r="I26" s="35">
        <v>1</v>
      </c>
      <c r="J26" s="37">
        <v>24</v>
      </c>
      <c r="K26" s="38">
        <v>7</v>
      </c>
      <c r="L26" s="39" t="s">
        <v>30</v>
      </c>
      <c r="M26" s="39" t="s">
        <v>30</v>
      </c>
      <c r="N26" s="39">
        <v>7</v>
      </c>
    </row>
    <row r="27" spans="1:14">
      <c r="A27" s="14">
        <v>30</v>
      </c>
      <c r="B27" s="21" t="s">
        <v>16</v>
      </c>
      <c r="C27" s="34">
        <v>3</v>
      </c>
      <c r="D27" s="34" t="s">
        <v>30</v>
      </c>
      <c r="E27" s="35" t="s">
        <v>30</v>
      </c>
      <c r="F27" s="36">
        <v>3</v>
      </c>
      <c r="G27" s="35">
        <v>1</v>
      </c>
      <c r="H27" s="35" t="s">
        <v>30</v>
      </c>
      <c r="I27" s="35" t="s">
        <v>30</v>
      </c>
      <c r="J27" s="37">
        <v>1</v>
      </c>
      <c r="K27" s="38">
        <v>2</v>
      </c>
      <c r="L27" s="39" t="s">
        <v>30</v>
      </c>
      <c r="M27" s="39" t="s">
        <v>30</v>
      </c>
      <c r="N27" s="39">
        <v>2</v>
      </c>
    </row>
    <row r="28" spans="1:14">
      <c r="A28" s="14">
        <v>31</v>
      </c>
      <c r="B28" s="21" t="s">
        <v>17</v>
      </c>
      <c r="C28" s="34">
        <v>26</v>
      </c>
      <c r="D28" s="34" t="s">
        <v>30</v>
      </c>
      <c r="E28" s="35" t="s">
        <v>30</v>
      </c>
      <c r="F28" s="36">
        <v>26</v>
      </c>
      <c r="G28" s="35">
        <v>12</v>
      </c>
      <c r="H28" s="35" t="s">
        <v>30</v>
      </c>
      <c r="I28" s="35" t="s">
        <v>30</v>
      </c>
      <c r="J28" s="37">
        <v>12</v>
      </c>
      <c r="K28" s="38">
        <v>14</v>
      </c>
      <c r="L28" s="39" t="s">
        <v>30</v>
      </c>
      <c r="M28" s="39" t="s">
        <v>30</v>
      </c>
      <c r="N28" s="39">
        <v>14</v>
      </c>
    </row>
    <row r="29" spans="1:14" ht="13.8" thickBot="1">
      <c r="A29" s="16">
        <v>32</v>
      </c>
      <c r="B29" s="17" t="s">
        <v>18</v>
      </c>
      <c r="C29" s="40">
        <v>15</v>
      </c>
      <c r="D29" s="40" t="s">
        <v>30</v>
      </c>
      <c r="E29" s="41">
        <v>1</v>
      </c>
      <c r="F29" s="42">
        <v>16</v>
      </c>
      <c r="G29" s="41">
        <v>12</v>
      </c>
      <c r="H29" s="41" t="s">
        <v>30</v>
      </c>
      <c r="I29" s="41">
        <v>1</v>
      </c>
      <c r="J29" s="43">
        <v>13</v>
      </c>
      <c r="K29" s="44">
        <v>3</v>
      </c>
      <c r="L29" s="45" t="s">
        <v>30</v>
      </c>
      <c r="M29" s="45" t="s">
        <v>30</v>
      </c>
      <c r="N29" s="45">
        <v>3</v>
      </c>
    </row>
    <row r="30" spans="1:14">
      <c r="A30" s="18"/>
      <c r="G30" s="19"/>
      <c r="H30" s="19"/>
      <c r="I30" s="19"/>
      <c r="J30" s="19"/>
      <c r="K30" s="20"/>
      <c r="L30" s="20"/>
      <c r="M30" s="20"/>
      <c r="N30" s="20"/>
    </row>
    <row r="31" spans="1:14">
      <c r="G31" s="19"/>
      <c r="H31" s="19"/>
      <c r="I31" s="19"/>
      <c r="J31" s="19"/>
      <c r="K31" s="20"/>
      <c r="L31" s="20"/>
      <c r="M31" s="20"/>
      <c r="N31" s="20"/>
    </row>
  </sheetData>
  <mergeCells count="4">
    <mergeCell ref="A3:B4"/>
    <mergeCell ref="C3:F3"/>
    <mergeCell ref="G3:J3"/>
    <mergeCell ref="K3:N3"/>
  </mergeCells>
  <phoneticPr fontId="1"/>
  <printOptions horizontalCentered="1"/>
  <pageMargins left="0.59055118110236227" right="0.59055118110236227" top="0.98425196850393704" bottom="0.98425196850393704" header="0.51181102362204722" footer="0.51181102362204722"/>
  <pageSetup paperSize="9" scale="9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Ⅳ－１ </vt:lpstr>
    </vt:vector>
  </TitlesOfParts>
  <Company>富山市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</cp:lastModifiedBy>
  <cp:lastPrinted>2011-02-28T01:19:27Z</cp:lastPrinted>
  <dcterms:created xsi:type="dcterms:W3CDTF">2008-05-26T05:00:28Z</dcterms:created>
  <dcterms:modified xsi:type="dcterms:W3CDTF">2019-07-18T07:26:21Z</dcterms:modified>
</cp:coreProperties>
</file>